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166EF6" w:rsidRPr="00166EF6" w:rsidRDefault="00166EF6" w:rsidP="00166EF6">
      <w:pPr>
        <w:autoSpaceDE w:val="0"/>
        <w:autoSpaceDN w:val="0"/>
        <w:adjustRightInd w:val="0"/>
        <w:spacing w:after="0" w:line="240" w:lineRule="auto"/>
        <w:jc w:val="center"/>
        <w:rPr>
          <w:rFonts w:asciiTheme="majorHAnsi" w:hAnsiTheme="majorHAnsi" w:cs="Courier New"/>
          <w:b/>
          <w:sz w:val="28"/>
          <w:szCs w:val="28"/>
          <w:shd w:val="clear" w:color="auto" w:fill="FFFFFF"/>
        </w:rPr>
      </w:pPr>
      <w:r w:rsidRPr="00166EF6">
        <w:rPr>
          <w:rFonts w:asciiTheme="majorHAnsi" w:hAnsiTheme="majorHAnsi" w:cs="Courier New"/>
          <w:b/>
          <w:sz w:val="28"/>
          <w:szCs w:val="28"/>
          <w:shd w:val="clear" w:color="auto" w:fill="FFFFFF"/>
        </w:rPr>
        <w:t>SESSIÓ 10 - GRÀFICS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--------------------------------------------------------------------------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 PROCEDIMENTS GRÀFICS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--------------------------------------------------------------------------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EXERCICI 1.</w:t>
      </w:r>
      <w:bookmarkStart w:id="0" w:name="_GoBack"/>
      <w:bookmarkEnd w:id="0"/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A partir de l'arxiu STRESS98.SAS7BDAT: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libnam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dir 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d:\s10\dades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contents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=dir.stress98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positio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in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dir.stress98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 xml:space="preserve">*1.1. Crear un gràfic de barres vertical que permeti comparar les mitjanes de la 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 xml:space="preserve">variable </w:t>
      </w:r>
      <w:proofErr w:type="spellStart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RestHR</w:t>
      </w:r>
      <w:proofErr w:type="spellEnd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 xml:space="preserve"> segons els valors de la variable </w:t>
      </w:r>
      <w:proofErr w:type="spellStart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Tolerance</w:t>
      </w:r>
      <w:proofErr w:type="spellEnd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dir.stress98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restH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clas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Toleranc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gchar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dir.stress98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ba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Toleranc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/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iscret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typ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e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umva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restH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 xml:space="preserve">*1.2. Només pels casos on els valors de la variable </w:t>
      </w:r>
      <w:proofErr w:type="spellStart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MaxHR-RestHR</w:t>
      </w:r>
      <w:proofErr w:type="spellEnd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 xml:space="preserve"> sigui major que 100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 xml:space="preserve">*a. Crear un gràfic de barres vertical per comparar les mitjanes de la variable </w:t>
      </w:r>
      <w:proofErr w:type="spellStart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rechr</w:t>
      </w:r>
      <w:proofErr w:type="spellEnd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 xml:space="preserve"> 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ab/>
        <w:t xml:space="preserve">segons els valors de </w:t>
      </w:r>
      <w:proofErr w:type="spellStart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timemin</w:t>
      </w:r>
      <w:proofErr w:type="spellEnd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dir.stress98 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wher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maxHR-restH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&gt;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100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))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recH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clas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timemi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gchar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dir.stress98 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wher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maxHR-restH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&gt;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100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))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ba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timemi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/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iscret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typ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me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umva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rech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 xml:space="preserve">*b. Crear un gràfic de pastís amb la suma de la variable </w:t>
      </w:r>
      <w:proofErr w:type="spellStart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timemin</w:t>
      </w:r>
      <w:proofErr w:type="spellEnd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 xml:space="preserve"> segons les categories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ab/>
        <w:t xml:space="preserve">de la variable </w:t>
      </w:r>
      <w:proofErr w:type="spellStart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tolerance</w:t>
      </w:r>
      <w:proofErr w:type="spellEnd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=dir.stress98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n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um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timemi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clas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toleranc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gchar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dir.stress98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pi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toleranc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/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iscret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typ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um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umva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timemi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lastRenderedPageBreak/>
        <w:t>*EXERCICI 2.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A partir de l'arxiu TERAPIES.SAS7BDAT: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libnam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dir 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d:\s10\dades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contents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terapie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positio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in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terapie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 xml:space="preserve">*2.1 Crear dos gràfics que recullin la distribució de les variables </w:t>
      </w:r>
      <w:proofErr w:type="spellStart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aerobic</w:t>
      </w:r>
      <w:proofErr w:type="spellEnd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 xml:space="preserve"> i caminar segons el mes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gchar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terapie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hba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mes /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iscret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typ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um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umva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aerobi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gchar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terapie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hba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mes /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iscret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typ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um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umva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caminar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 xml:space="preserve">*2.2 Amb les variables anteriors obtenir un únic gràfic </w:t>
      </w:r>
      <w:proofErr w:type="spellStart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bivariant</w:t>
      </w:r>
      <w:proofErr w:type="spellEnd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 xml:space="preserve"> escalant l'eix vertical des de 0 a 150 amb 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 xml:space="preserve">     increments de 25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gplo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terapie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plo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aerobi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*caminar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1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/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xi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0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to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150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by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25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 xml:space="preserve">*2.3 Modificar el programa per tal de canviar els següents elements del gràfic obtingut en 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ab/>
        <w:t xml:space="preserve"> l'apartat anterior: el símbol el volen amb quadrats i de color vermell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ymbol1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colo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red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lu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squar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gplo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terapie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plo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aerobi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*caminar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1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/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xi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0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to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150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by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25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66EF6" w:rsidRDefault="00166EF6" w:rsidP="00166EF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121D65" w:rsidRDefault="00121D65"/>
    <w:sectPr w:rsidR="00121D65" w:rsidSect="0092051F">
      <w:headerReference w:type="default" r:id="rId6"/>
      <w:pgSz w:w="12240" w:h="15840"/>
      <w:pgMar w:top="1417" w:right="1701" w:bottom="1417" w:left="1701" w:header="708" w:footer="708" w:gutter="0"/>
      <w:cols w:space="708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58799F" w:rsidRDefault="0058799F" w:rsidP="00166EF6">
      <w:pPr>
        <w:spacing w:after="0" w:line="240" w:lineRule="auto"/>
      </w:pPr>
      <w:r>
        <w:separator/>
      </w:r>
    </w:p>
  </w:endnote>
  <w:endnote w:type="continuationSeparator" w:id="0">
    <w:p w:rsidR="0058799F" w:rsidRDefault="0058799F" w:rsidP="00166EF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58799F" w:rsidRDefault="0058799F" w:rsidP="00166EF6">
      <w:pPr>
        <w:spacing w:after="0" w:line="240" w:lineRule="auto"/>
      </w:pPr>
      <w:r>
        <w:separator/>
      </w:r>
    </w:p>
  </w:footnote>
  <w:footnote w:type="continuationSeparator" w:id="0">
    <w:p w:rsidR="0058799F" w:rsidRDefault="0058799F" w:rsidP="00166EF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166EF6" w:rsidRDefault="00166EF6" w:rsidP="00166EF6">
    <w:pPr>
      <w:pStyle w:val="Capalera"/>
      <w:jc w:val="right"/>
    </w:pPr>
    <w:r>
      <w:t>15/12/2016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2690C"/>
    <w:rsid w:val="00121D65"/>
    <w:rsid w:val="00166EF6"/>
    <w:rsid w:val="0022690C"/>
    <w:rsid w:val="0058799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a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90D45C21-ECF0-4D35-81A6-1DDA32116F0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ca-E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Tipusdelletraperdefectedelpargraf">
    <w:name w:val="Default Paragraph Font"/>
    <w:uiPriority w:val="1"/>
    <w:semiHidden/>
    <w:unhideWhenUsed/>
  </w:style>
  <w:style w:type="table" w:default="1" w:styleId="Tau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nsellista">
    <w:name w:val="No List"/>
    <w:uiPriority w:val="99"/>
    <w:semiHidden/>
    <w:unhideWhenUsed/>
  </w:style>
  <w:style w:type="paragraph" w:styleId="Capalera">
    <w:name w:val="header"/>
    <w:basedOn w:val="Normal"/>
    <w:link w:val="CapaleraCar"/>
    <w:uiPriority w:val="99"/>
    <w:unhideWhenUsed/>
    <w:rsid w:val="00166EF6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paleraCar">
    <w:name w:val="Capçalera Car"/>
    <w:basedOn w:val="Tipusdelletraperdefectedelpargraf"/>
    <w:link w:val="Capalera"/>
    <w:uiPriority w:val="99"/>
    <w:rsid w:val="00166EF6"/>
  </w:style>
  <w:style w:type="paragraph" w:styleId="Peu">
    <w:name w:val="footer"/>
    <w:basedOn w:val="Normal"/>
    <w:link w:val="PeuCar"/>
    <w:uiPriority w:val="99"/>
    <w:unhideWhenUsed/>
    <w:rsid w:val="00166EF6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euCar">
    <w:name w:val="Peu Car"/>
    <w:basedOn w:val="Tipusdelletraperdefectedelpargraf"/>
    <w:link w:val="Peu"/>
    <w:uiPriority w:val="99"/>
    <w:rsid w:val="00166EF6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theme/theme1.xml><?xml version="1.0" encoding="utf-8"?>
<a:theme xmlns:a="http://schemas.openxmlformats.org/drawingml/2006/main" name="Tema de l'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2</Pages>
  <Words>341</Words>
  <Characters>1945</Characters>
  <Application>Microsoft Office Word</Application>
  <DocSecurity>0</DocSecurity>
  <Lines>16</Lines>
  <Paragraphs>4</Paragraphs>
  <ScaleCrop>false</ScaleCrop>
  <Company/>
  <LinksUpToDate>false</LinksUpToDate>
  <CharactersWithSpaces>228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ules</dc:creator>
  <cp:keywords/>
  <dc:description/>
  <cp:lastModifiedBy>aules</cp:lastModifiedBy>
  <cp:revision>2</cp:revision>
  <dcterms:created xsi:type="dcterms:W3CDTF">2016-12-14T15:47:00Z</dcterms:created>
  <dcterms:modified xsi:type="dcterms:W3CDTF">2016-12-14T15:48:00Z</dcterms:modified>
</cp:coreProperties>
</file>